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toyama-city.local\09福祉保健部\0914障害福祉\s1\15支給決定等（新）\令和６年度障害福祉サービス等報酬改定関係\【作業フォルダ】R6.4.1～加算関係様式\"/>
    </mc:Choice>
  </mc:AlternateContent>
  <bookViews>
    <workbookView xWindow="0" yWindow="0" windowWidth="20496" windowHeight="7920"/>
  </bookViews>
  <sheets>
    <sheet name="R3年4月　加算別紙一覧" sheetId="2" r:id="rId1"/>
  </sheets>
  <definedNames>
    <definedName name="_xlnm.Print_Area" localSheetId="0">'R3年4月　加算別紙一覧'!$A$1:$B$8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06" uniqueCount="170">
  <si>
    <t>加算別紙一覧</t>
    <rPh sb="0" eb="2">
      <t>カサン</t>
    </rPh>
    <rPh sb="2" eb="4">
      <t>ベッシ</t>
    </rPh>
    <rPh sb="4" eb="6">
      <t>イチラン</t>
    </rPh>
    <phoneticPr fontId="4"/>
  </si>
  <si>
    <t>加算別紙１</t>
    <phoneticPr fontId="4"/>
  </si>
  <si>
    <t>特定事業所加算に係る届出書（居宅介護事業所）</t>
  </si>
  <si>
    <t>加算別紙２</t>
  </si>
  <si>
    <t>特定事業所加算に係る届出書（重度訪問介護事業所）</t>
  </si>
  <si>
    <t>加算別紙３</t>
    <phoneticPr fontId="4"/>
  </si>
  <si>
    <t>特定事業所加算に係る届出書（同行援護事業所）</t>
    <rPh sb="14" eb="16">
      <t>ドウコウ</t>
    </rPh>
    <rPh sb="16" eb="18">
      <t>エンゴ</t>
    </rPh>
    <phoneticPr fontId="4"/>
  </si>
  <si>
    <t>加算別紙４</t>
    <phoneticPr fontId="4"/>
  </si>
  <si>
    <t>特定事業所加算に係る届出書（行動援護事業所）</t>
  </si>
  <si>
    <t>加算別紙５</t>
  </si>
  <si>
    <t>人員配置体制加算に関する届出書（療養介護）</t>
  </si>
  <si>
    <t>加算別紙６</t>
  </si>
  <si>
    <t>人員配置体制加算に関する届出書（生活介護）</t>
  </si>
  <si>
    <t>加算別紙７</t>
  </si>
  <si>
    <t>食事提供体制加算及び栄養管理体制加算に係る体制</t>
  </si>
  <si>
    <t>加算別紙８</t>
  </si>
  <si>
    <t>延長支援加算体制届出書</t>
    <phoneticPr fontId="4"/>
  </si>
  <si>
    <t>加算別紙９</t>
  </si>
  <si>
    <t>加算別紙１０</t>
  </si>
  <si>
    <t>視覚障害者又は言語聴覚障害者の状況</t>
    <phoneticPr fontId="4"/>
  </si>
  <si>
    <t>加算別紙１１</t>
  </si>
  <si>
    <t>栄養士配置加算及び栄養マネジメント加算に関する届出書</t>
    <phoneticPr fontId="4"/>
  </si>
  <si>
    <t>加算別紙１２</t>
  </si>
  <si>
    <t>重度障害者の状況</t>
    <phoneticPr fontId="4"/>
  </si>
  <si>
    <t>加算別紙１３</t>
  </si>
  <si>
    <t>夜勤職員配置体制加算に関する届出書</t>
    <phoneticPr fontId="4"/>
  </si>
  <si>
    <t>加算別紙１４</t>
  </si>
  <si>
    <t>夜間看護体制加算に関する届出書</t>
    <phoneticPr fontId="4"/>
  </si>
  <si>
    <t>加算別紙１５</t>
  </si>
  <si>
    <t>看護職員配置加算に係る届出書</t>
    <phoneticPr fontId="4"/>
  </si>
  <si>
    <t>加算別紙１６</t>
  </si>
  <si>
    <t>地域移行支援体制強化加算及び通勤者生活支援加算に係る体制
（宿泊型自立訓練事業所）</t>
    <phoneticPr fontId="4"/>
  </si>
  <si>
    <t>加算別紙１７</t>
  </si>
  <si>
    <t>夜間支援等体制加算届出書（宿泊型自立訓練事業所）</t>
    <rPh sb="4" eb="5">
      <t>トウ</t>
    </rPh>
    <phoneticPr fontId="4"/>
  </si>
  <si>
    <t>加算別紙１８</t>
  </si>
  <si>
    <t>短期滞在及び精神障害者退院支援施設に係る体制</t>
    <phoneticPr fontId="4"/>
  </si>
  <si>
    <t>加算別紙１９</t>
  </si>
  <si>
    <t>地域移行支援体制強化加算及び通勤者生活支援加算に係る体制</t>
    <phoneticPr fontId="4"/>
  </si>
  <si>
    <t>加算別紙２０</t>
  </si>
  <si>
    <t>共同生活援助に係る体制</t>
    <phoneticPr fontId="4"/>
  </si>
  <si>
    <t>加算別紙２１</t>
  </si>
  <si>
    <t>通勤者生活支援加算に係る体制（共同生活援助事業所）</t>
    <phoneticPr fontId="4"/>
  </si>
  <si>
    <t>加算別紙２２</t>
  </si>
  <si>
    <t>加算別紙２３</t>
  </si>
  <si>
    <t>障害基礎年金１級を受給する利用者の状況　（重度障害者支援体制加算に係る届出書）</t>
    <phoneticPr fontId="4"/>
  </si>
  <si>
    <t>加算別紙２４</t>
  </si>
  <si>
    <t>実務経験及び研修証明書</t>
    <phoneticPr fontId="4"/>
  </si>
  <si>
    <t>加算別紙２５</t>
  </si>
  <si>
    <t>加算別紙２６</t>
  </si>
  <si>
    <t>目標工賃達成指導員対象施設の配置状況</t>
    <phoneticPr fontId="4"/>
  </si>
  <si>
    <t>加算別紙２７</t>
  </si>
  <si>
    <t>小規模グループケア加算体制届出書</t>
    <phoneticPr fontId="4"/>
  </si>
  <si>
    <t>加算別紙２８</t>
  </si>
  <si>
    <t>加算別紙２９</t>
  </si>
  <si>
    <t>加算別紙３０</t>
  </si>
  <si>
    <t>重度障害者支援加算に関する届出書（短期入所）</t>
    <phoneticPr fontId="4"/>
  </si>
  <si>
    <t>加算別紙３１</t>
  </si>
  <si>
    <t>重度障害者支援加算（Ⅱ）に関する届出書</t>
    <phoneticPr fontId="4"/>
  </si>
  <si>
    <t>加算別紙３２</t>
  </si>
  <si>
    <t>共同生活援助の重度障害者支援加算に係る届出書</t>
    <phoneticPr fontId="4"/>
  </si>
  <si>
    <t>加算別紙３３</t>
  </si>
  <si>
    <t>送迎加算に関する届出書（重症心身障害児）</t>
    <phoneticPr fontId="4"/>
  </si>
  <si>
    <t>加算別紙３４</t>
  </si>
  <si>
    <t>重度障害児支援加算（新規追加分）に関する届出書</t>
    <phoneticPr fontId="4"/>
  </si>
  <si>
    <t>加算別紙３５</t>
  </si>
  <si>
    <t>サービス管理責任者配置等加算に関する届出書（平成30年4月以降）
（生活介護・自立支援（機能訓練）・自立支援（生活訓練））</t>
    <rPh sb="4" eb="6">
      <t>カンリ</t>
    </rPh>
    <rPh sb="6" eb="8">
      <t>セキニン</t>
    </rPh>
    <rPh sb="8" eb="9">
      <t>シャ</t>
    </rPh>
    <rPh sb="9" eb="11">
      <t>ハイチ</t>
    </rPh>
    <rPh sb="11" eb="12">
      <t>トウ</t>
    </rPh>
    <rPh sb="12" eb="14">
      <t>カサン</t>
    </rPh>
    <rPh sb="15" eb="16">
      <t>カン</t>
    </rPh>
    <rPh sb="18" eb="21">
      <t>トドケデショ</t>
    </rPh>
    <rPh sb="22" eb="24">
      <t>ヘイセイ</t>
    </rPh>
    <rPh sb="26" eb="27">
      <t>ネン</t>
    </rPh>
    <rPh sb="28" eb="29">
      <t>ガツ</t>
    </rPh>
    <rPh sb="29" eb="31">
      <t>イコウ</t>
    </rPh>
    <rPh sb="34" eb="36">
      <t>セイカツ</t>
    </rPh>
    <rPh sb="36" eb="38">
      <t>カイゴ</t>
    </rPh>
    <rPh sb="39" eb="41">
      <t>ジリツ</t>
    </rPh>
    <rPh sb="41" eb="43">
      <t>シエン</t>
    </rPh>
    <rPh sb="44" eb="46">
      <t>キノウ</t>
    </rPh>
    <rPh sb="46" eb="48">
      <t>クンレン</t>
    </rPh>
    <rPh sb="50" eb="52">
      <t>ジリツ</t>
    </rPh>
    <rPh sb="52" eb="54">
      <t>シエン</t>
    </rPh>
    <rPh sb="55" eb="57">
      <t>セイカツ</t>
    </rPh>
    <rPh sb="57" eb="59">
      <t>クンレン</t>
    </rPh>
    <phoneticPr fontId="3"/>
  </si>
  <si>
    <t>加算別紙３６</t>
  </si>
  <si>
    <t>福祉専門職員配置等加算に関する届出書（平成30年４月以降）
（短期入所以外）</t>
    <rPh sb="31" eb="33">
      <t>タンキ</t>
    </rPh>
    <rPh sb="33" eb="35">
      <t>ニュウショ</t>
    </rPh>
    <rPh sb="35" eb="37">
      <t>イガイ</t>
    </rPh>
    <phoneticPr fontId="3"/>
  </si>
  <si>
    <t>加算別紙３７</t>
  </si>
  <si>
    <t>福祉専門職員配置等加算に関する届出書（平成30年４月以降）
（共生型短期入所）</t>
    <phoneticPr fontId="3"/>
  </si>
  <si>
    <t>加算別紙３８</t>
  </si>
  <si>
    <t>重度障害者支援加算に関する届出書（生活介護）</t>
    <phoneticPr fontId="3"/>
  </si>
  <si>
    <t>加算別紙３９</t>
  </si>
  <si>
    <t>人員配置体制加算に関する届出書</t>
    <phoneticPr fontId="3"/>
  </si>
  <si>
    <t>加算別紙４０</t>
  </si>
  <si>
    <t>送迎加算に関する届出書（平成30年４月以降）</t>
    <phoneticPr fontId="3"/>
  </si>
  <si>
    <t>加算別紙４１</t>
  </si>
  <si>
    <t>個別計画訓練支援加算に係る届出書（自立訓練（生活訓練））</t>
    <rPh sb="17" eb="19">
      <t>ジリツ</t>
    </rPh>
    <rPh sb="19" eb="21">
      <t>クンレン</t>
    </rPh>
    <rPh sb="22" eb="24">
      <t>セイカツ</t>
    </rPh>
    <rPh sb="24" eb="26">
      <t>クンレン</t>
    </rPh>
    <phoneticPr fontId="3"/>
  </si>
  <si>
    <t>就労定着者の状況
（就労移行支援に係る基本報酬の算定区分に関する届出書）</t>
    <phoneticPr fontId="3"/>
  </si>
  <si>
    <t>加算別紙４３</t>
    <rPh sb="0" eb="2">
      <t>カサン</t>
    </rPh>
    <rPh sb="2" eb="4">
      <t>ベッシ</t>
    </rPh>
    <phoneticPr fontId="3"/>
  </si>
  <si>
    <t>就労継続支援Ａ型に係る基本報酬の算定区分に関する届出書</t>
    <phoneticPr fontId="3"/>
  </si>
  <si>
    <t>加算別紙４４</t>
    <rPh sb="0" eb="2">
      <t>カサン</t>
    </rPh>
    <rPh sb="2" eb="4">
      <t>ベッシ</t>
    </rPh>
    <phoneticPr fontId="3"/>
  </si>
  <si>
    <t>賃金向上達成指導員配置加算に関する届出書</t>
    <phoneticPr fontId="3"/>
  </si>
  <si>
    <t>加算別紙４５</t>
    <rPh sb="0" eb="2">
      <t>カサン</t>
    </rPh>
    <rPh sb="2" eb="4">
      <t>ベッシ</t>
    </rPh>
    <phoneticPr fontId="3"/>
  </si>
  <si>
    <t>就労移行支援体制加算に関する届出書</t>
    <phoneticPr fontId="3"/>
  </si>
  <si>
    <t>加算別紙４６</t>
    <rPh sb="0" eb="2">
      <t>カサン</t>
    </rPh>
    <rPh sb="2" eb="4">
      <t>ベッシ</t>
    </rPh>
    <phoneticPr fontId="3"/>
  </si>
  <si>
    <t>就労継続支援Ｂ型に係る基本報酬の算定区分に関する届出書</t>
    <phoneticPr fontId="3"/>
  </si>
  <si>
    <t>就労定着支援に係る基本報酬の算定区分に関する届出書</t>
    <phoneticPr fontId="3"/>
  </si>
  <si>
    <t>（別添１）</t>
    <rPh sb="1" eb="3">
      <t>ベッテン</t>
    </rPh>
    <phoneticPr fontId="4"/>
  </si>
  <si>
    <t>就労継続者の状況
（就労定着支援に係る基本報酬の算定区分に関する届出書）</t>
    <phoneticPr fontId="3"/>
  </si>
  <si>
    <t>（別添２）</t>
    <rPh sb="1" eb="3">
      <t>ベッテン</t>
    </rPh>
    <phoneticPr fontId="4"/>
  </si>
  <si>
    <t>就労継続者の状況
（就労定着支援に係る基本報酬の算定区分に関する届出書）
（新規指定の場合）</t>
    <phoneticPr fontId="3"/>
  </si>
  <si>
    <t>就労定着実績体制加算に関する届出書</t>
    <phoneticPr fontId="3"/>
  </si>
  <si>
    <t>加算別紙４９</t>
  </si>
  <si>
    <t>精神障害者地域移行特別加算に関する届出書</t>
    <phoneticPr fontId="3"/>
  </si>
  <si>
    <t>加算別紙５０</t>
  </si>
  <si>
    <t>強度行動障害者地域移行特別加算に係る届出書（共同生活援助）</t>
    <rPh sb="22" eb="24">
      <t>キョウドウ</t>
    </rPh>
    <rPh sb="24" eb="26">
      <t>セイカツ</t>
    </rPh>
    <rPh sb="26" eb="28">
      <t>エンジョ</t>
    </rPh>
    <phoneticPr fontId="3"/>
  </si>
  <si>
    <t>加算別紙５１</t>
  </si>
  <si>
    <t>社会生活支援特別加算に係る届出書（就労系・訓練系サービス）</t>
    <rPh sb="17" eb="19">
      <t>シュウロウ</t>
    </rPh>
    <rPh sb="19" eb="20">
      <t>ケイ</t>
    </rPh>
    <rPh sb="21" eb="23">
      <t>クンレン</t>
    </rPh>
    <rPh sb="23" eb="24">
      <t>ケイ</t>
    </rPh>
    <phoneticPr fontId="3"/>
  </si>
  <si>
    <t>加算別紙５２</t>
  </si>
  <si>
    <t>看護職員配置加算に関する届出書（共同生活援助）</t>
    <rPh sb="16" eb="18">
      <t>キョウドウ</t>
    </rPh>
    <rPh sb="18" eb="20">
      <t>セイカツ</t>
    </rPh>
    <rPh sb="20" eb="22">
      <t>エンジョ</t>
    </rPh>
    <phoneticPr fontId="3"/>
  </si>
  <si>
    <t>加算別紙５３</t>
  </si>
  <si>
    <t>夜勤職員加配加算に関する届出書（共同生活援助）</t>
    <rPh sb="16" eb="18">
      <t>キョウドウ</t>
    </rPh>
    <rPh sb="18" eb="20">
      <t>セイカツ</t>
    </rPh>
    <rPh sb="20" eb="22">
      <t>エンジョ</t>
    </rPh>
    <phoneticPr fontId="3"/>
  </si>
  <si>
    <t>地域移行支援サービス費（Ⅰ）に係る届出書（地域移行）</t>
    <rPh sb="21" eb="23">
      <t>チイキ</t>
    </rPh>
    <rPh sb="23" eb="25">
      <t>イコウ</t>
    </rPh>
    <phoneticPr fontId="3"/>
  </si>
  <si>
    <t>体制加算に係る届出書（相談支援事業所）</t>
    <phoneticPr fontId="3"/>
  </si>
  <si>
    <t>報酬算定区分に関する届出書（児童発達支援）</t>
    <rPh sb="14" eb="16">
      <t>ジドウ</t>
    </rPh>
    <rPh sb="16" eb="18">
      <t>ハッタツ</t>
    </rPh>
    <rPh sb="18" eb="20">
      <t>シエン</t>
    </rPh>
    <phoneticPr fontId="3"/>
  </si>
  <si>
    <t>加算別紙５６</t>
  </si>
  <si>
    <t>報酬算定区分に関する届出書（放課後等デイサービス）</t>
    <rPh sb="14" eb="17">
      <t>ホウカゴ</t>
    </rPh>
    <rPh sb="17" eb="18">
      <t>トウ</t>
    </rPh>
    <phoneticPr fontId="3"/>
  </si>
  <si>
    <t>加算別紙５７</t>
  </si>
  <si>
    <t>特別支援加算体制届出書（障害児通所）</t>
    <rPh sb="12" eb="14">
      <t>ショウガイ</t>
    </rPh>
    <rPh sb="14" eb="15">
      <t>ジ</t>
    </rPh>
    <rPh sb="15" eb="17">
      <t>ツウショ</t>
    </rPh>
    <phoneticPr fontId="3"/>
  </si>
  <si>
    <t>加算別紙５８</t>
  </si>
  <si>
    <t>加算別紙５９</t>
  </si>
  <si>
    <t>看護職員加配加算に関する届出書（障害児通所）</t>
    <rPh sb="16" eb="18">
      <t>ショウガイ</t>
    </rPh>
    <rPh sb="18" eb="19">
      <t>ジ</t>
    </rPh>
    <rPh sb="19" eb="21">
      <t>ツウショ</t>
    </rPh>
    <phoneticPr fontId="3"/>
  </si>
  <si>
    <t>加算別紙６０</t>
  </si>
  <si>
    <t>児童指導員等加配加算に関する届出書（福祉型障害児入所施設）</t>
    <rPh sb="18" eb="21">
      <t>フクシガタ</t>
    </rPh>
    <rPh sb="21" eb="23">
      <t>ショウガイ</t>
    </rPh>
    <rPh sb="23" eb="24">
      <t>ジ</t>
    </rPh>
    <rPh sb="24" eb="26">
      <t>ニュウショ</t>
    </rPh>
    <rPh sb="26" eb="28">
      <t>シセツ</t>
    </rPh>
    <phoneticPr fontId="3"/>
  </si>
  <si>
    <t>加算別紙６１</t>
  </si>
  <si>
    <t>保育職員加配加算に関する届出書（医療型障害児入所施設）</t>
    <rPh sb="16" eb="18">
      <t>イリョウ</t>
    </rPh>
    <rPh sb="18" eb="19">
      <t>ガタ</t>
    </rPh>
    <rPh sb="19" eb="21">
      <t>ショウガイ</t>
    </rPh>
    <rPh sb="21" eb="22">
      <t>ジ</t>
    </rPh>
    <rPh sb="22" eb="24">
      <t>ニュウショ</t>
    </rPh>
    <rPh sb="24" eb="26">
      <t>シセツ</t>
    </rPh>
    <phoneticPr fontId="3"/>
  </si>
  <si>
    <t>加算別紙６２</t>
  </si>
  <si>
    <t>看護職員配置加算に係る届出書（福祉型障害児入所施設）</t>
    <rPh sb="15" eb="18">
      <t>フクシガタ</t>
    </rPh>
    <rPh sb="18" eb="20">
      <t>ショウガイ</t>
    </rPh>
    <rPh sb="20" eb="21">
      <t>ジ</t>
    </rPh>
    <rPh sb="21" eb="23">
      <t>ニュウショ</t>
    </rPh>
    <rPh sb="23" eb="25">
      <t>シセツ</t>
    </rPh>
    <phoneticPr fontId="3"/>
  </si>
  <si>
    <t>加算別紙６３</t>
  </si>
  <si>
    <t>強度行動障害児特別支援加算届出書（障害児通所）</t>
    <rPh sb="17" eb="19">
      <t>ショウガイ</t>
    </rPh>
    <rPh sb="19" eb="20">
      <t>ジ</t>
    </rPh>
    <rPh sb="20" eb="22">
      <t>ツウショ</t>
    </rPh>
    <phoneticPr fontId="3"/>
  </si>
  <si>
    <t>加算別紙６４</t>
  </si>
  <si>
    <t>訪問支援員特別加算体制届出書（居宅訪問型児童発達支援）</t>
    <rPh sb="15" eb="17">
      <t>キョタク</t>
    </rPh>
    <rPh sb="17" eb="19">
      <t>ホウモン</t>
    </rPh>
    <rPh sb="19" eb="20">
      <t>ガタ</t>
    </rPh>
    <rPh sb="20" eb="22">
      <t>ジドウ</t>
    </rPh>
    <rPh sb="22" eb="24">
      <t>ハッタツ</t>
    </rPh>
    <rPh sb="24" eb="26">
      <t>シエン</t>
    </rPh>
    <phoneticPr fontId="3"/>
  </si>
  <si>
    <t>加算別紙６５</t>
  </si>
  <si>
    <t>強度行動障害児特別支援加算届出書（福祉型障害児入所施設）</t>
    <rPh sb="17" eb="20">
      <t>フクシガタ</t>
    </rPh>
    <rPh sb="20" eb="22">
      <t>ショウガイ</t>
    </rPh>
    <rPh sb="22" eb="23">
      <t>ジ</t>
    </rPh>
    <rPh sb="23" eb="25">
      <t>ニュウショ</t>
    </rPh>
    <rPh sb="25" eb="27">
      <t>シセツ</t>
    </rPh>
    <phoneticPr fontId="3"/>
  </si>
  <si>
    <t>加算別紙６６</t>
  </si>
  <si>
    <t>心的外傷のため心理療法を必要とする障害児（障害児入所）</t>
    <rPh sb="21" eb="23">
      <t>ショウガイ</t>
    </rPh>
    <rPh sb="23" eb="24">
      <t>ジ</t>
    </rPh>
    <rPh sb="24" eb="26">
      <t>ニュウショ</t>
    </rPh>
    <phoneticPr fontId="3"/>
  </si>
  <si>
    <t>共生型サービス体制強化加算に関する届出書（児童発達支援等）</t>
    <rPh sb="21" eb="23">
      <t>ジドウ</t>
    </rPh>
    <rPh sb="23" eb="25">
      <t>ハッタツ</t>
    </rPh>
    <rPh sb="25" eb="27">
      <t>シエン</t>
    </rPh>
    <rPh sb="27" eb="28">
      <t>トウ</t>
    </rPh>
    <phoneticPr fontId="3"/>
  </si>
  <si>
    <t>加算別紙４２</t>
    <rPh sb="0" eb="2">
      <t>カサン</t>
    </rPh>
    <rPh sb="2" eb="4">
      <t>ベッシ</t>
    </rPh>
    <phoneticPr fontId="3"/>
  </si>
  <si>
    <t>加算別紙４７</t>
    <phoneticPr fontId="4"/>
  </si>
  <si>
    <t>加算別紙４８</t>
  </si>
  <si>
    <t>加算別紙５４</t>
    <phoneticPr fontId="4"/>
  </si>
  <si>
    <t>加算別紙５５</t>
  </si>
  <si>
    <t>（別添）</t>
    <rPh sb="1" eb="3">
      <t>ベッテン</t>
    </rPh>
    <phoneticPr fontId="4"/>
  </si>
  <si>
    <t>※削除</t>
    <rPh sb="1" eb="3">
      <t>サクジョ</t>
    </rPh>
    <phoneticPr fontId="4"/>
  </si>
  <si>
    <t>就労移行支援に係る基本報酬の算定区分に関する届出書
（就労移行支援サービス費（Ⅰ））</t>
    <rPh sb="27" eb="29">
      <t>シュウロウ</t>
    </rPh>
    <rPh sb="29" eb="31">
      <t>イコウ</t>
    </rPh>
    <rPh sb="31" eb="33">
      <t>シエン</t>
    </rPh>
    <rPh sb="37" eb="38">
      <t>ヒ</t>
    </rPh>
    <phoneticPr fontId="3"/>
  </si>
  <si>
    <t>修正</t>
    <rPh sb="0" eb="2">
      <t>シュウセイ</t>
    </rPh>
    <phoneticPr fontId="3"/>
  </si>
  <si>
    <t>加算別紙４１の２</t>
    <phoneticPr fontId="3"/>
  </si>
  <si>
    <t>就労移行支援に係る基本報酬の算定区分に関する届出書
（就労移行支援サービス費（Ⅱ））</t>
    <rPh sb="27" eb="29">
      <t>シュウロウ</t>
    </rPh>
    <rPh sb="29" eb="31">
      <t>イコウ</t>
    </rPh>
    <rPh sb="31" eb="33">
      <t>シエン</t>
    </rPh>
    <rPh sb="37" eb="38">
      <t>ヒ</t>
    </rPh>
    <phoneticPr fontId="3"/>
  </si>
  <si>
    <t>新規</t>
    <rPh sb="0" eb="2">
      <t>シンキ</t>
    </rPh>
    <phoneticPr fontId="3"/>
  </si>
  <si>
    <t>就労定着者の状況
（就労移行支援（養成）に係る基本報酬の算定区分に関する届出書）</t>
    <rPh sb="17" eb="19">
      <t>ヨウセイ</t>
    </rPh>
    <phoneticPr fontId="3"/>
  </si>
  <si>
    <t>就労継続支援Ａ型におけるスコア表（全体）</t>
    <rPh sb="15" eb="16">
      <t>ヒョウ</t>
    </rPh>
    <rPh sb="17" eb="19">
      <t>ゼンタイ</t>
    </rPh>
    <phoneticPr fontId="3"/>
  </si>
  <si>
    <t>加算別紙４５の２</t>
    <rPh sb="0" eb="2">
      <t>カサン</t>
    </rPh>
    <rPh sb="2" eb="4">
      <t>ベッシ</t>
    </rPh>
    <phoneticPr fontId="3"/>
  </si>
  <si>
    <t>ピアサポーター等の配置に関する届出書</t>
    <rPh sb="7" eb="8">
      <t>トウ</t>
    </rPh>
    <rPh sb="9" eb="11">
      <t>ハイチ</t>
    </rPh>
    <rPh sb="12" eb="13">
      <t>カン</t>
    </rPh>
    <rPh sb="15" eb="18">
      <t>トドケデショ</t>
    </rPh>
    <phoneticPr fontId="3"/>
  </si>
  <si>
    <t>ピアサポート体制加算に関する届出書</t>
    <phoneticPr fontId="3"/>
  </si>
  <si>
    <t>加算別紙６７</t>
  </si>
  <si>
    <t>（共同生活援助）夜間支援等体制加算届出書</t>
    <rPh sb="1" eb="3">
      <t>キョウドウ</t>
    </rPh>
    <rPh sb="3" eb="5">
      <t>セイカツ</t>
    </rPh>
    <rPh sb="5" eb="7">
      <t>エンジョ</t>
    </rPh>
    <phoneticPr fontId="4"/>
  </si>
  <si>
    <r>
      <t>医療連携体制加算（</t>
    </r>
    <r>
      <rPr>
        <sz val="10"/>
        <color rgb="FFFF0000"/>
        <rFont val="ＭＳ Ｐゴシック"/>
        <family val="3"/>
        <charset val="128"/>
        <scheme val="minor"/>
      </rPr>
      <t>Ⅶ</t>
    </r>
    <r>
      <rPr>
        <sz val="10"/>
        <color theme="1"/>
        <rFont val="ＭＳ Ｐゴシック"/>
        <family val="3"/>
        <charset val="128"/>
        <scheme val="minor"/>
      </rPr>
      <t>）に関する届出書</t>
    </r>
    <phoneticPr fontId="4"/>
  </si>
  <si>
    <t>居住支援連携体制加算に関する届出書</t>
    <phoneticPr fontId="3"/>
  </si>
  <si>
    <t>加算別紙６８</t>
  </si>
  <si>
    <t>加算別紙６９</t>
  </si>
  <si>
    <t>加算別紙７０</t>
  </si>
  <si>
    <t>医療的ケア対応支援加算に関する届出書（共同生活援助）</t>
    <rPh sb="19" eb="21">
      <t>キョウドウ</t>
    </rPh>
    <rPh sb="21" eb="23">
      <t>セイカツ</t>
    </rPh>
    <rPh sb="23" eb="25">
      <t>エンジョ</t>
    </rPh>
    <phoneticPr fontId="3"/>
  </si>
  <si>
    <t>強度行動障害者体験利用加算に係る届出書（共同生活援助）</t>
    <rPh sb="20" eb="22">
      <t>キョウドウ</t>
    </rPh>
    <rPh sb="22" eb="24">
      <t>セイカツ</t>
    </rPh>
    <rPh sb="24" eb="26">
      <t>エンジョ</t>
    </rPh>
    <phoneticPr fontId="3"/>
  </si>
  <si>
    <t>医療的ケア区分に応じた基本報酬の算定に関する届出書</t>
    <phoneticPr fontId="3"/>
  </si>
  <si>
    <t>児童指導員等加配加算及び専門的支援加算に関する届出書（障害児通所）</t>
    <rPh sb="27" eb="29">
      <t>ショウガイ</t>
    </rPh>
    <rPh sb="29" eb="30">
      <t>ジ</t>
    </rPh>
    <rPh sb="30" eb="32">
      <t>ツウショ</t>
    </rPh>
    <phoneticPr fontId="3"/>
  </si>
  <si>
    <t>加算別紙２６の２</t>
    <phoneticPr fontId="3"/>
  </si>
  <si>
    <t>小規模グループケア加算（サテライト型）体制申請書（届出書）</t>
    <phoneticPr fontId="4"/>
  </si>
  <si>
    <t>ソーシャルワーカー配置加算に係る届出書</t>
    <phoneticPr fontId="3"/>
  </si>
  <si>
    <t>加算別紙７１</t>
  </si>
  <si>
    <t>施設外支援実施状況　（移行準備支援体制加算に係る届出書）</t>
    <phoneticPr fontId="4"/>
  </si>
  <si>
    <t>修正</t>
    <rPh sb="0" eb="2">
      <t>シュウセイ</t>
    </rPh>
    <phoneticPr fontId="3"/>
  </si>
  <si>
    <t>加算別紙５３-１</t>
    <rPh sb="0" eb="2">
      <t>カサン</t>
    </rPh>
    <rPh sb="2" eb="4">
      <t>ベッシ</t>
    </rPh>
    <phoneticPr fontId="4"/>
  </si>
  <si>
    <t>加算別紙５３－２</t>
    <rPh sb="0" eb="2">
      <t>カサン</t>
    </rPh>
    <rPh sb="2" eb="4">
      <t>ベッシ</t>
    </rPh>
    <phoneticPr fontId="4"/>
  </si>
  <si>
    <t>加算別紙５３-３</t>
    <rPh sb="0" eb="2">
      <t>カサン</t>
    </rPh>
    <rPh sb="2" eb="4">
      <t>ベッシ</t>
    </rPh>
    <phoneticPr fontId="3"/>
  </si>
  <si>
    <t>主任相談支援専門員配置加算に係る届出書（相談支援事業所）</t>
    <phoneticPr fontId="3"/>
  </si>
  <si>
    <t>新規</t>
    <rPh sb="0" eb="2">
      <t>シンキ</t>
    </rPh>
    <phoneticPr fontId="3"/>
  </si>
  <si>
    <t>相談支援機能強化型体制届出書（相談支援事業所）【単独】</t>
    <rPh sb="24" eb="26">
      <t>タンドク</t>
    </rPh>
    <phoneticPr fontId="3"/>
  </si>
  <si>
    <t>相談支援機能強化型体制届出書（相談支援事業所）【協働】</t>
    <rPh sb="24" eb="26">
      <t>キョウドウ</t>
    </rPh>
    <phoneticPr fontId="3"/>
  </si>
  <si>
    <t>修正</t>
    <rPh sb="0" eb="2">
      <t>シュウセ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b/>
      <sz val="14"/>
      <color theme="1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0"/>
      <color theme="1"/>
      <name val="ＭＳ Ｐゴシック"/>
      <family val="3"/>
      <charset val="128"/>
      <scheme val="minor"/>
    </font>
    <font>
      <sz val="10"/>
      <color rgb="FFFF0000"/>
      <name val="ＭＳ Ｐ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4" tint="0.59999389629810485"/>
        <bgColor indexed="64"/>
      </patternFill>
    </fill>
  </fills>
  <borders count="1">
    <border>
      <left/>
      <right/>
      <top/>
      <bottom/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14">
    <xf numFmtId="0" fontId="0" fillId="0" borderId="0" xfId="0">
      <alignment vertical="center"/>
    </xf>
    <xf numFmtId="0" fontId="2" fillId="0" borderId="0" xfId="1" applyFont="1" applyAlignment="1">
      <alignment horizontal="centerContinuous" vertical="center"/>
    </xf>
    <xf numFmtId="0" fontId="1" fillId="0" borderId="0" xfId="1" applyAlignment="1">
      <alignment horizontal="centerContinuous" vertical="center"/>
    </xf>
    <xf numFmtId="0" fontId="1" fillId="0" borderId="0" xfId="1">
      <alignment vertical="center"/>
    </xf>
    <xf numFmtId="0" fontId="5" fillId="0" borderId="0" xfId="1" applyFont="1">
      <alignment vertical="center"/>
    </xf>
    <xf numFmtId="0" fontId="5" fillId="0" borderId="0" xfId="1" applyFont="1" applyAlignment="1">
      <alignment vertical="center" wrapText="1"/>
    </xf>
    <xf numFmtId="0" fontId="5" fillId="2" borderId="0" xfId="1" applyFont="1" applyFill="1">
      <alignment vertical="center"/>
    </xf>
    <xf numFmtId="0" fontId="5" fillId="2" borderId="0" xfId="1" applyFont="1" applyFill="1" applyAlignment="1">
      <alignment vertical="center" wrapText="1"/>
    </xf>
    <xf numFmtId="0" fontId="5" fillId="0" borderId="0" xfId="1" applyFont="1" applyFill="1">
      <alignment vertical="center"/>
    </xf>
    <xf numFmtId="0" fontId="5" fillId="0" borderId="0" xfId="1" applyFont="1" applyFill="1" applyAlignment="1">
      <alignment vertical="center" wrapText="1"/>
    </xf>
    <xf numFmtId="0" fontId="1" fillId="0" borderId="0" xfId="1" applyAlignment="1">
      <alignment horizontal="center" vertical="center"/>
    </xf>
    <xf numFmtId="0" fontId="1" fillId="2" borderId="0" xfId="1" applyFill="1">
      <alignment vertical="center"/>
    </xf>
    <xf numFmtId="0" fontId="5" fillId="3" borderId="0" xfId="1" applyFont="1" applyFill="1">
      <alignment vertical="center"/>
    </xf>
    <xf numFmtId="0" fontId="5" fillId="3" borderId="0" xfId="1" applyFont="1" applyFill="1" applyAlignment="1">
      <alignment vertical="center" wrapText="1"/>
    </xf>
  </cellXfs>
  <cellStyles count="2">
    <cellStyle name="標準" xfId="0" builtinId="0"/>
    <cellStyle name="標準 5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2962275</xdr:colOff>
      <xdr:row>0</xdr:row>
      <xdr:rowOff>66675</xdr:rowOff>
    </xdr:from>
    <xdr:to>
      <xdr:col>1</xdr:col>
      <xdr:colOff>4686300</xdr:colOff>
      <xdr:row>2</xdr:row>
      <xdr:rowOff>180975</xdr:rowOff>
    </xdr:to>
    <xdr:sp macro="" textlink="">
      <xdr:nvSpPr>
        <xdr:cNvPr id="2" name="正方形/長方形 1"/>
        <xdr:cNvSpPr/>
      </xdr:nvSpPr>
      <xdr:spPr>
        <a:xfrm>
          <a:off x="4095750" y="66675"/>
          <a:ext cx="1724025" cy="504825"/>
        </a:xfrm>
        <a:prstGeom prst="rect">
          <a:avLst/>
        </a:prstGeom>
        <a:solidFill>
          <a:srgbClr val="FFFF00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en-US" altLang="ja-JP" sz="1000">
              <a:solidFill>
                <a:sysClr val="windowText" lastClr="000000"/>
              </a:solidFill>
            </a:rPr>
            <a:t>R3.4.1</a:t>
          </a:r>
          <a:r>
            <a:rPr kumimoji="1" lang="ja-JP" altLang="en-US" sz="1000">
              <a:solidFill>
                <a:sysClr val="windowText" lastClr="000000"/>
              </a:solidFill>
            </a:rPr>
            <a:t>～新規・変更部分</a:t>
          </a:r>
          <a:endParaRPr kumimoji="1" lang="en-US" altLang="ja-JP" sz="1000">
            <a:solidFill>
              <a:sysClr val="windowText" lastClr="000000"/>
            </a:solidFill>
          </a:endParaRPr>
        </a:p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D86"/>
  <sheetViews>
    <sheetView tabSelected="1" view="pageBreakPreview" zoomScaleNormal="100" zoomScaleSheetLayoutView="100" workbookViewId="0"/>
  </sheetViews>
  <sheetFormatPr defaultColWidth="9" defaultRowHeight="13.2" x14ac:dyDescent="0.2"/>
  <cols>
    <col min="1" max="1" width="14.88671875" style="3" customWidth="1"/>
    <col min="2" max="2" width="63.21875" style="3" customWidth="1"/>
    <col min="3" max="3" width="10.44140625" style="3" customWidth="1"/>
    <col min="4" max="16384" width="9" style="3"/>
  </cols>
  <sheetData>
    <row r="1" spans="1:3" ht="23.25" customHeight="1" x14ac:dyDescent="0.2">
      <c r="A1" s="1" t="s">
        <v>0</v>
      </c>
      <c r="B1" s="2"/>
    </row>
    <row r="2" spans="1:3" ht="7.5" customHeight="1" x14ac:dyDescent="0.2"/>
    <row r="3" spans="1:3" ht="15.75" customHeight="1" x14ac:dyDescent="0.2">
      <c r="A3" s="4" t="s">
        <v>1</v>
      </c>
      <c r="B3" s="5" t="s">
        <v>2</v>
      </c>
    </row>
    <row r="4" spans="1:3" ht="15.75" customHeight="1" x14ac:dyDescent="0.2">
      <c r="A4" s="4" t="s">
        <v>3</v>
      </c>
      <c r="B4" s="5" t="s">
        <v>4</v>
      </c>
    </row>
    <row r="5" spans="1:3" ht="15.75" customHeight="1" x14ac:dyDescent="0.2">
      <c r="A5" s="4" t="s">
        <v>5</v>
      </c>
      <c r="B5" s="5" t="s">
        <v>6</v>
      </c>
    </row>
    <row r="6" spans="1:3" ht="15.75" customHeight="1" x14ac:dyDescent="0.2">
      <c r="A6" s="4" t="s">
        <v>7</v>
      </c>
      <c r="B6" s="5" t="s">
        <v>8</v>
      </c>
    </row>
    <row r="7" spans="1:3" ht="15.75" customHeight="1" x14ac:dyDescent="0.2">
      <c r="A7" s="4" t="s">
        <v>9</v>
      </c>
      <c r="B7" s="5" t="s">
        <v>10</v>
      </c>
    </row>
    <row r="8" spans="1:3" ht="15.75" customHeight="1" x14ac:dyDescent="0.2">
      <c r="A8" s="4" t="s">
        <v>11</v>
      </c>
      <c r="B8" s="5" t="s">
        <v>12</v>
      </c>
    </row>
    <row r="9" spans="1:3" ht="15.75" customHeight="1" x14ac:dyDescent="0.2">
      <c r="A9" s="4" t="s">
        <v>13</v>
      </c>
      <c r="B9" s="5" t="s">
        <v>14</v>
      </c>
    </row>
    <row r="10" spans="1:3" ht="15.75" customHeight="1" x14ac:dyDescent="0.2">
      <c r="A10" s="4" t="s">
        <v>15</v>
      </c>
      <c r="B10" s="5" t="s">
        <v>16</v>
      </c>
    </row>
    <row r="11" spans="1:3" ht="15.75" customHeight="1" x14ac:dyDescent="0.2">
      <c r="A11" s="4" t="s">
        <v>17</v>
      </c>
      <c r="B11" s="5" t="s">
        <v>19</v>
      </c>
    </row>
    <row r="12" spans="1:3" ht="15.75" customHeight="1" x14ac:dyDescent="0.2">
      <c r="A12" s="4" t="s">
        <v>18</v>
      </c>
      <c r="B12" s="5" t="s">
        <v>21</v>
      </c>
    </row>
    <row r="13" spans="1:3" ht="15.75" customHeight="1" x14ac:dyDescent="0.2">
      <c r="A13" s="4" t="s">
        <v>20</v>
      </c>
      <c r="B13" s="5" t="s">
        <v>23</v>
      </c>
    </row>
    <row r="14" spans="1:3" ht="15.75" customHeight="1" x14ac:dyDescent="0.2">
      <c r="A14" s="4" t="s">
        <v>22</v>
      </c>
      <c r="B14" s="5" t="s">
        <v>25</v>
      </c>
    </row>
    <row r="15" spans="1:3" ht="15.75" customHeight="1" x14ac:dyDescent="0.2">
      <c r="A15" s="4" t="s">
        <v>24</v>
      </c>
      <c r="B15" s="5" t="s">
        <v>27</v>
      </c>
    </row>
    <row r="16" spans="1:3" ht="15.75" customHeight="1" x14ac:dyDescent="0.2">
      <c r="A16" s="6" t="s">
        <v>26</v>
      </c>
      <c r="B16" s="7" t="s">
        <v>29</v>
      </c>
      <c r="C16" s="10" t="s">
        <v>136</v>
      </c>
    </row>
    <row r="17" spans="1:3" ht="28.5" customHeight="1" x14ac:dyDescent="0.2">
      <c r="A17" s="4" t="s">
        <v>28</v>
      </c>
      <c r="B17" s="5" t="s">
        <v>31</v>
      </c>
    </row>
    <row r="18" spans="1:3" ht="15.75" customHeight="1" x14ac:dyDescent="0.2">
      <c r="A18" s="4" t="s">
        <v>30</v>
      </c>
      <c r="B18" s="5" t="s">
        <v>33</v>
      </c>
    </row>
    <row r="19" spans="1:3" ht="15.75" customHeight="1" x14ac:dyDescent="0.2">
      <c r="A19" s="4" t="s">
        <v>32</v>
      </c>
      <c r="B19" s="5" t="s">
        <v>35</v>
      </c>
    </row>
    <row r="20" spans="1:3" ht="15.75" customHeight="1" x14ac:dyDescent="0.2">
      <c r="A20" s="4" t="s">
        <v>34</v>
      </c>
      <c r="B20" s="5" t="s">
        <v>37</v>
      </c>
    </row>
    <row r="21" spans="1:3" ht="15.75" customHeight="1" x14ac:dyDescent="0.2">
      <c r="A21" s="4" t="s">
        <v>36</v>
      </c>
      <c r="B21" s="5" t="s">
        <v>39</v>
      </c>
    </row>
    <row r="22" spans="1:3" ht="15.75" customHeight="1" x14ac:dyDescent="0.2">
      <c r="A22" s="4" t="s">
        <v>38</v>
      </c>
      <c r="B22" s="5" t="s">
        <v>41</v>
      </c>
    </row>
    <row r="23" spans="1:3" ht="15.75" customHeight="1" x14ac:dyDescent="0.2">
      <c r="A23" s="6" t="s">
        <v>40</v>
      </c>
      <c r="B23" s="7" t="s">
        <v>160</v>
      </c>
      <c r="C23" s="10" t="s">
        <v>161</v>
      </c>
    </row>
    <row r="24" spans="1:3" ht="28.5" customHeight="1" x14ac:dyDescent="0.2">
      <c r="A24" s="4" t="s">
        <v>42</v>
      </c>
      <c r="B24" s="5" t="s">
        <v>44</v>
      </c>
    </row>
    <row r="25" spans="1:3" ht="15.75" customHeight="1" x14ac:dyDescent="0.2">
      <c r="A25" s="4" t="s">
        <v>43</v>
      </c>
      <c r="B25" s="5" t="s">
        <v>46</v>
      </c>
    </row>
    <row r="26" spans="1:3" ht="15.75" customHeight="1" x14ac:dyDescent="0.2">
      <c r="A26" s="4" t="s">
        <v>45</v>
      </c>
      <c r="B26" s="5" t="s">
        <v>134</v>
      </c>
    </row>
    <row r="27" spans="1:3" ht="15.75" customHeight="1" x14ac:dyDescent="0.2">
      <c r="A27" s="4" t="s">
        <v>47</v>
      </c>
      <c r="B27" s="5" t="s">
        <v>49</v>
      </c>
    </row>
    <row r="28" spans="1:3" ht="15.75" customHeight="1" x14ac:dyDescent="0.2">
      <c r="A28" s="6" t="s">
        <v>48</v>
      </c>
      <c r="B28" s="7" t="s">
        <v>51</v>
      </c>
      <c r="C28" s="10" t="s">
        <v>136</v>
      </c>
    </row>
    <row r="29" spans="1:3" ht="15.75" customHeight="1" x14ac:dyDescent="0.2">
      <c r="A29" s="6" t="s">
        <v>156</v>
      </c>
      <c r="B29" s="7" t="s">
        <v>157</v>
      </c>
      <c r="C29" s="10" t="s">
        <v>139</v>
      </c>
    </row>
    <row r="30" spans="1:3" ht="15.75" customHeight="1" x14ac:dyDescent="0.2">
      <c r="A30" s="6" t="s">
        <v>50</v>
      </c>
      <c r="B30" s="7" t="s">
        <v>146</v>
      </c>
      <c r="C30" s="10" t="s">
        <v>136</v>
      </c>
    </row>
    <row r="31" spans="1:3" ht="15.75" customHeight="1" x14ac:dyDescent="0.2">
      <c r="A31" s="6" t="s">
        <v>52</v>
      </c>
      <c r="B31" s="7" t="s">
        <v>147</v>
      </c>
      <c r="C31" s="10" t="s">
        <v>136</v>
      </c>
    </row>
    <row r="32" spans="1:3" ht="15.75" customHeight="1" x14ac:dyDescent="0.2">
      <c r="A32" s="4" t="s">
        <v>53</v>
      </c>
      <c r="B32" s="5" t="s">
        <v>55</v>
      </c>
    </row>
    <row r="33" spans="1:3" ht="15.75" customHeight="1" x14ac:dyDescent="0.2">
      <c r="A33" s="4" t="s">
        <v>54</v>
      </c>
      <c r="B33" s="5" t="s">
        <v>57</v>
      </c>
    </row>
    <row r="34" spans="1:3" ht="15.75" customHeight="1" x14ac:dyDescent="0.2">
      <c r="A34" s="6" t="s">
        <v>56</v>
      </c>
      <c r="B34" s="7" t="s">
        <v>59</v>
      </c>
      <c r="C34" s="10" t="s">
        <v>136</v>
      </c>
    </row>
    <row r="35" spans="1:3" ht="15.75" customHeight="1" x14ac:dyDescent="0.2">
      <c r="A35" s="4" t="s">
        <v>58</v>
      </c>
      <c r="B35" s="5" t="s">
        <v>61</v>
      </c>
    </row>
    <row r="36" spans="1:3" ht="15.75" customHeight="1" x14ac:dyDescent="0.2">
      <c r="A36" s="4" t="s">
        <v>60</v>
      </c>
      <c r="B36" s="5" t="s">
        <v>63</v>
      </c>
    </row>
    <row r="37" spans="1:3" ht="24" x14ac:dyDescent="0.2">
      <c r="A37" s="8" t="s">
        <v>62</v>
      </c>
      <c r="B37" s="9" t="s">
        <v>65</v>
      </c>
    </row>
    <row r="38" spans="1:3" ht="24" x14ac:dyDescent="0.2">
      <c r="A38" s="8" t="s">
        <v>64</v>
      </c>
      <c r="B38" s="9" t="s">
        <v>67</v>
      </c>
    </row>
    <row r="39" spans="1:3" ht="24" x14ac:dyDescent="0.2">
      <c r="A39" s="8" t="s">
        <v>66</v>
      </c>
      <c r="B39" s="9" t="s">
        <v>69</v>
      </c>
    </row>
    <row r="40" spans="1:3" x14ac:dyDescent="0.2">
      <c r="A40" s="8" t="s">
        <v>68</v>
      </c>
      <c r="B40" s="9" t="s">
        <v>71</v>
      </c>
    </row>
    <row r="41" spans="1:3" x14ac:dyDescent="0.2">
      <c r="A41" s="8" t="s">
        <v>70</v>
      </c>
      <c r="B41" s="9" t="s">
        <v>73</v>
      </c>
    </row>
    <row r="42" spans="1:3" x14ac:dyDescent="0.2">
      <c r="A42" s="8" t="s">
        <v>72</v>
      </c>
      <c r="B42" s="9" t="s">
        <v>75</v>
      </c>
    </row>
    <row r="43" spans="1:3" x14ac:dyDescent="0.2">
      <c r="A43" s="8" t="s">
        <v>74</v>
      </c>
      <c r="B43" s="9" t="s">
        <v>77</v>
      </c>
    </row>
    <row r="44" spans="1:3" ht="27" customHeight="1" x14ac:dyDescent="0.2">
      <c r="A44" s="6" t="s">
        <v>76</v>
      </c>
      <c r="B44" s="7" t="s">
        <v>135</v>
      </c>
      <c r="C44" s="10" t="s">
        <v>136</v>
      </c>
    </row>
    <row r="45" spans="1:3" ht="24" x14ac:dyDescent="0.2">
      <c r="A45" s="6" t="s">
        <v>133</v>
      </c>
      <c r="B45" s="7" t="s">
        <v>78</v>
      </c>
      <c r="C45" s="10" t="s">
        <v>136</v>
      </c>
    </row>
    <row r="46" spans="1:3" ht="27" customHeight="1" x14ac:dyDescent="0.2">
      <c r="A46" s="6" t="s">
        <v>137</v>
      </c>
      <c r="B46" s="7" t="s">
        <v>138</v>
      </c>
      <c r="C46" s="10" t="s">
        <v>139</v>
      </c>
    </row>
    <row r="47" spans="1:3" ht="24" x14ac:dyDescent="0.2">
      <c r="A47" s="6" t="s">
        <v>133</v>
      </c>
      <c r="B47" s="7" t="s">
        <v>140</v>
      </c>
      <c r="C47" s="10" t="s">
        <v>139</v>
      </c>
    </row>
    <row r="48" spans="1:3" x14ac:dyDescent="0.2">
      <c r="A48" s="6" t="s">
        <v>128</v>
      </c>
      <c r="B48" s="7" t="s">
        <v>80</v>
      </c>
      <c r="C48" s="10" t="s">
        <v>136</v>
      </c>
    </row>
    <row r="49" spans="1:4" x14ac:dyDescent="0.2">
      <c r="A49" s="6" t="s">
        <v>133</v>
      </c>
      <c r="B49" s="7" t="s">
        <v>141</v>
      </c>
      <c r="C49" s="10" t="s">
        <v>139</v>
      </c>
    </row>
    <row r="50" spans="1:4" x14ac:dyDescent="0.2">
      <c r="A50" s="8" t="s">
        <v>79</v>
      </c>
      <c r="B50" s="9" t="s">
        <v>82</v>
      </c>
    </row>
    <row r="51" spans="1:4" x14ac:dyDescent="0.2">
      <c r="A51" s="6" t="s">
        <v>81</v>
      </c>
      <c r="B51" s="7" t="s">
        <v>84</v>
      </c>
      <c r="C51" s="10" t="s">
        <v>136</v>
      </c>
    </row>
    <row r="52" spans="1:4" x14ac:dyDescent="0.2">
      <c r="A52" s="6" t="s">
        <v>83</v>
      </c>
      <c r="B52" s="7" t="s">
        <v>86</v>
      </c>
      <c r="C52" s="10" t="s">
        <v>136</v>
      </c>
    </row>
    <row r="53" spans="1:4" x14ac:dyDescent="0.2">
      <c r="A53" s="6" t="s">
        <v>142</v>
      </c>
      <c r="B53" s="7" t="s">
        <v>143</v>
      </c>
      <c r="C53" s="10" t="s">
        <v>139</v>
      </c>
    </row>
    <row r="54" spans="1:4" x14ac:dyDescent="0.2">
      <c r="A54" s="6" t="s">
        <v>85</v>
      </c>
      <c r="B54" s="7" t="s">
        <v>87</v>
      </c>
      <c r="C54" s="10" t="s">
        <v>136</v>
      </c>
    </row>
    <row r="55" spans="1:4" ht="24" x14ac:dyDescent="0.2">
      <c r="A55" s="6" t="s">
        <v>88</v>
      </c>
      <c r="B55" s="7" t="s">
        <v>89</v>
      </c>
      <c r="C55" s="10" t="s">
        <v>136</v>
      </c>
    </row>
    <row r="56" spans="1:4" ht="36" x14ac:dyDescent="0.2">
      <c r="A56" s="6" t="s">
        <v>90</v>
      </c>
      <c r="B56" s="7" t="s">
        <v>91</v>
      </c>
      <c r="C56" s="10" t="s">
        <v>136</v>
      </c>
    </row>
    <row r="57" spans="1:4" x14ac:dyDescent="0.2">
      <c r="A57" s="6" t="s">
        <v>129</v>
      </c>
      <c r="B57" s="7" t="s">
        <v>92</v>
      </c>
      <c r="C57" s="10" t="s">
        <v>136</v>
      </c>
    </row>
    <row r="58" spans="1:4" x14ac:dyDescent="0.2">
      <c r="A58" s="8" t="s">
        <v>130</v>
      </c>
      <c r="B58" s="9" t="s">
        <v>94</v>
      </c>
    </row>
    <row r="59" spans="1:4" x14ac:dyDescent="0.2">
      <c r="A59" s="8" t="s">
        <v>93</v>
      </c>
      <c r="B59" s="9" t="s">
        <v>96</v>
      </c>
    </row>
    <row r="60" spans="1:4" x14ac:dyDescent="0.2">
      <c r="A60" s="8" t="s">
        <v>95</v>
      </c>
      <c r="B60" s="9" t="s">
        <v>98</v>
      </c>
    </row>
    <row r="61" spans="1:4" x14ac:dyDescent="0.2">
      <c r="A61" s="8" t="s">
        <v>97</v>
      </c>
      <c r="B61" s="9" t="s">
        <v>100</v>
      </c>
    </row>
    <row r="62" spans="1:4" x14ac:dyDescent="0.2">
      <c r="A62" s="8" t="s">
        <v>99</v>
      </c>
      <c r="B62" s="9" t="s">
        <v>102</v>
      </c>
    </row>
    <row r="63" spans="1:4" x14ac:dyDescent="0.2">
      <c r="A63" s="8" t="s">
        <v>101</v>
      </c>
      <c r="B63" s="9" t="s">
        <v>103</v>
      </c>
    </row>
    <row r="64" spans="1:4" x14ac:dyDescent="0.2">
      <c r="A64" s="12" t="s">
        <v>162</v>
      </c>
      <c r="B64" s="13" t="s">
        <v>167</v>
      </c>
      <c r="C64" s="10" t="s">
        <v>136</v>
      </c>
      <c r="D64" s="3" t="s">
        <v>169</v>
      </c>
    </row>
    <row r="65" spans="1:4" x14ac:dyDescent="0.2">
      <c r="A65" s="12" t="s">
        <v>162</v>
      </c>
      <c r="B65" s="13" t="s">
        <v>168</v>
      </c>
      <c r="C65" s="10"/>
      <c r="D65" s="3" t="s">
        <v>169</v>
      </c>
    </row>
    <row r="66" spans="1:4" x14ac:dyDescent="0.2">
      <c r="A66" s="8" t="s">
        <v>163</v>
      </c>
      <c r="B66" s="9" t="s">
        <v>104</v>
      </c>
    </row>
    <row r="67" spans="1:4" x14ac:dyDescent="0.2">
      <c r="A67" s="12" t="s">
        <v>164</v>
      </c>
      <c r="B67" s="13" t="s">
        <v>165</v>
      </c>
      <c r="C67" s="10" t="s">
        <v>166</v>
      </c>
      <c r="D67" s="3" t="s">
        <v>169</v>
      </c>
    </row>
    <row r="68" spans="1:4" x14ac:dyDescent="0.2">
      <c r="A68" s="6" t="s">
        <v>131</v>
      </c>
      <c r="B68" s="7" t="s">
        <v>105</v>
      </c>
      <c r="C68" s="10" t="s">
        <v>136</v>
      </c>
    </row>
    <row r="69" spans="1:4" x14ac:dyDescent="0.2">
      <c r="A69" s="6" t="s">
        <v>132</v>
      </c>
      <c r="B69" s="7" t="s">
        <v>107</v>
      </c>
      <c r="C69" s="10" t="s">
        <v>136</v>
      </c>
    </row>
    <row r="70" spans="1:4" x14ac:dyDescent="0.2">
      <c r="A70" s="6" t="s">
        <v>133</v>
      </c>
      <c r="B70" s="7" t="s">
        <v>154</v>
      </c>
      <c r="C70" s="10" t="s">
        <v>139</v>
      </c>
    </row>
    <row r="71" spans="1:4" x14ac:dyDescent="0.2">
      <c r="A71" s="8" t="s">
        <v>106</v>
      </c>
      <c r="B71" s="9" t="s">
        <v>109</v>
      </c>
    </row>
    <row r="72" spans="1:4" ht="25.5" customHeight="1" x14ac:dyDescent="0.2">
      <c r="A72" s="6" t="s">
        <v>108</v>
      </c>
      <c r="B72" s="7" t="s">
        <v>155</v>
      </c>
      <c r="C72" s="10" t="s">
        <v>136</v>
      </c>
    </row>
    <row r="73" spans="1:4" x14ac:dyDescent="0.2">
      <c r="A73" s="6" t="s">
        <v>110</v>
      </c>
      <c r="B73" s="7" t="s">
        <v>112</v>
      </c>
      <c r="C73" s="10" t="s">
        <v>136</v>
      </c>
    </row>
    <row r="74" spans="1:4" x14ac:dyDescent="0.2">
      <c r="A74" s="8" t="s">
        <v>111</v>
      </c>
      <c r="B74" s="9" t="s">
        <v>114</v>
      </c>
    </row>
    <row r="75" spans="1:4" x14ac:dyDescent="0.2">
      <c r="A75" s="8" t="s">
        <v>113</v>
      </c>
      <c r="B75" s="9" t="s">
        <v>116</v>
      </c>
    </row>
    <row r="76" spans="1:4" x14ac:dyDescent="0.2">
      <c r="A76" s="6" t="s">
        <v>115</v>
      </c>
      <c r="B76" s="7" t="s">
        <v>118</v>
      </c>
      <c r="C76" s="10" t="s">
        <v>136</v>
      </c>
    </row>
    <row r="77" spans="1:4" x14ac:dyDescent="0.2">
      <c r="A77" s="8" t="s">
        <v>117</v>
      </c>
      <c r="B77" s="9" t="s">
        <v>120</v>
      </c>
    </row>
    <row r="78" spans="1:4" x14ac:dyDescent="0.2">
      <c r="A78" s="8" t="s">
        <v>119</v>
      </c>
      <c r="B78" s="9" t="s">
        <v>122</v>
      </c>
    </row>
    <row r="79" spans="1:4" x14ac:dyDescent="0.2">
      <c r="A79" s="6" t="s">
        <v>121</v>
      </c>
      <c r="B79" s="7" t="s">
        <v>124</v>
      </c>
      <c r="C79" s="10" t="s">
        <v>136</v>
      </c>
    </row>
    <row r="80" spans="1:4" x14ac:dyDescent="0.2">
      <c r="A80" s="8" t="s">
        <v>123</v>
      </c>
      <c r="B80" s="9" t="s">
        <v>126</v>
      </c>
    </row>
    <row r="81" spans="1:3" x14ac:dyDescent="0.2">
      <c r="A81" s="8" t="s">
        <v>125</v>
      </c>
      <c r="B81" s="9" t="s">
        <v>127</v>
      </c>
    </row>
    <row r="82" spans="1:3" x14ac:dyDescent="0.2">
      <c r="A82" s="6" t="s">
        <v>145</v>
      </c>
      <c r="B82" s="7" t="s">
        <v>144</v>
      </c>
      <c r="C82" s="10" t="s">
        <v>139</v>
      </c>
    </row>
    <row r="83" spans="1:3" x14ac:dyDescent="0.2">
      <c r="A83" s="6" t="s">
        <v>149</v>
      </c>
      <c r="B83" s="11" t="s">
        <v>152</v>
      </c>
      <c r="C83" s="10" t="s">
        <v>139</v>
      </c>
    </row>
    <row r="84" spans="1:3" x14ac:dyDescent="0.2">
      <c r="A84" s="6" t="s">
        <v>150</v>
      </c>
      <c r="B84" s="11" t="s">
        <v>153</v>
      </c>
      <c r="C84" s="10" t="s">
        <v>139</v>
      </c>
    </row>
    <row r="85" spans="1:3" x14ac:dyDescent="0.2">
      <c r="A85" s="6" t="s">
        <v>151</v>
      </c>
      <c r="B85" s="11" t="s">
        <v>148</v>
      </c>
      <c r="C85" s="10" t="s">
        <v>139</v>
      </c>
    </row>
    <row r="86" spans="1:3" x14ac:dyDescent="0.2">
      <c r="A86" s="6" t="s">
        <v>159</v>
      </c>
      <c r="B86" s="11" t="s">
        <v>158</v>
      </c>
      <c r="C86" s="10" t="s">
        <v>139</v>
      </c>
    </row>
  </sheetData>
  <phoneticPr fontId="3"/>
  <pageMargins left="0.91" right="0.7" top="0.85" bottom="0.75" header="0.3" footer="0.3"/>
  <pageSetup paperSize="9" scale="96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R3年4月　加算別紙一覧</vt:lpstr>
      <vt:lpstr>'R3年4月　加算別紙一覧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県</dc:creator>
  <cp:lastModifiedBy>大谷　文彦</cp:lastModifiedBy>
  <cp:lastPrinted>2021-03-31T11:11:05Z</cp:lastPrinted>
  <dcterms:created xsi:type="dcterms:W3CDTF">2018-04-04T09:58:35Z</dcterms:created>
  <dcterms:modified xsi:type="dcterms:W3CDTF">2024-04-02T09:22:33Z</dcterms:modified>
</cp:coreProperties>
</file>